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9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AB254D32-0148-4413-960B-3FEDCF7C1D3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5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58" uniqueCount="91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※各項目の▼マークをクリックされると，絞込み検索や並べ替えができます。
　オプション機能を使うと，細かい条件で検索できます。複数の項目で，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イオンモール広島祇園</t>
  </si>
  <si>
    <t>広島市安佐南区</t>
  </si>
  <si>
    <t>フジグラン神辺</t>
  </si>
  <si>
    <t>広島市佐伯区</t>
  </si>
  <si>
    <t>呉駅前教室</t>
  </si>
  <si>
    <t>呉市</t>
  </si>
  <si>
    <t>木之庄教室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120-16-8351</t>
  </si>
  <si>
    <t>広島市南区稲荷町4-5尾崎ビル6階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特定非営利活動法人Social Care  Good</t>
  </si>
  <si>
    <t>082-962-7415</t>
  </si>
  <si>
    <t>広島市安佐南区祇園3丁目2-1
（介護・看護・障がい・保育求人支援センター広島祇園）</t>
  </si>
  <si>
    <t>084-965-6500</t>
  </si>
  <si>
    <t>福山市神辺町新道上字二丁目10番26号フジグラン神辺
（介護・看護・障がい・保育求人支援センター福山）</t>
  </si>
  <si>
    <t>サンキ・ウエルビィ株式会社</t>
  </si>
  <si>
    <t>一般社団法人福祉キャリアセンター</t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福山教室</t>
  </si>
  <si>
    <t>通学</t>
  </si>
  <si>
    <t>福祉キャリアセンター3階特別研修室</t>
  </si>
  <si>
    <t>サンキ・ウエルビィ小規模多機能センター今保会議室</t>
  </si>
  <si>
    <t>岡山市北区</t>
  </si>
  <si>
    <t>サンキ・ウエルビィ小規模多機能センター岩国2F会議室</t>
  </si>
  <si>
    <t>岩国市</t>
  </si>
  <si>
    <t>株式会社クォーレ
五日市研修センター</t>
  </si>
  <si>
    <t>陽気株式会社</t>
  </si>
  <si>
    <t>教育・研修センターようき（西教室）</t>
  </si>
  <si>
    <t>082-545-2402</t>
    <phoneticPr fontId="2"/>
  </si>
  <si>
    <t>084-962-3433</t>
  </si>
  <si>
    <t>福山市神辺町道上1330番地1</t>
  </si>
  <si>
    <t>株式会社クォーレ</t>
  </si>
  <si>
    <t>株式会社QOLサービス</t>
  </si>
  <si>
    <t>地域交流室・研修室2階</t>
  </si>
  <si>
    <t>60,500（通常）49,800（キャンペーン価格※適用条件有）、49,500（生活援助従事者研修修了者）</t>
  </si>
  <si>
    <t>学校法人英数学館広島アニマルケア専門学校</t>
  </si>
  <si>
    <t>広島アニマルケア専門学校国泰寺キャンパス</t>
  </si>
  <si>
    <t>082-546-1195</t>
    <phoneticPr fontId="2"/>
  </si>
  <si>
    <t>広島市中区小町8-33</t>
    <rPh sb="0" eb="5">
      <t>ヒロシマシナカク</t>
    </rPh>
    <rPh sb="5" eb="7">
      <t>コマチ</t>
    </rPh>
    <phoneticPr fontId="2"/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株式会社サンキ出雲支店2F大会議室</t>
  </si>
  <si>
    <t>出雲市</t>
  </si>
  <si>
    <t>教育・研修センターようき</t>
  </si>
  <si>
    <t>ノマドLaB</t>
  </si>
  <si>
    <t>ループ宮島多目的ホール・キッチンスペース</t>
  </si>
  <si>
    <t>廿日市市</t>
  </si>
  <si>
    <t>受講料は無料、
テキスト代5,500円</t>
    <phoneticPr fontId="2"/>
  </si>
  <si>
    <t>受講料は無料、
テキスト代11,660円</t>
    <phoneticPr fontId="2"/>
  </si>
  <si>
    <t>082-943-9090</t>
  </si>
  <si>
    <t>広島市佐伯区観音台2丁目30番6号</t>
  </si>
  <si>
    <t>082-247-7333</t>
    <phoneticPr fontId="2"/>
  </si>
  <si>
    <t>広島市中区吉島東1丁目22-2</t>
    <rPh sb="0" eb="3">
      <t>ヒロシマシ</t>
    </rPh>
    <rPh sb="3" eb="5">
      <t>ナカク</t>
    </rPh>
    <rPh sb="5" eb="7">
      <t>ヨシジマ</t>
    </rPh>
    <rPh sb="7" eb="8">
      <t>ヒガシ</t>
    </rPh>
    <rPh sb="9" eb="11">
      <t>チョウメ</t>
    </rPh>
    <phoneticPr fontId="2"/>
  </si>
  <si>
    <t>２０２５年１０月１日現在</t>
    <rPh sb="4" eb="5">
      <t>ネン</t>
    </rPh>
    <rPh sb="7" eb="8">
      <t>ゲツ</t>
    </rPh>
    <rPh sb="9" eb="10">
      <t>ニチ</t>
    </rPh>
    <rPh sb="10" eb="12">
      <t>ゲンザイ</t>
    </rPh>
    <phoneticPr fontId="2"/>
  </si>
  <si>
    <t>限定
（障害者委託訓練）</t>
    <phoneticPr fontId="2"/>
  </si>
  <si>
    <t>限定
（委託訓練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38" fontId="4" fillId="0" borderId="1" xfId="1" applyFont="1" applyBorder="1" applyAlignment="1">
      <alignment horizontal="center" vertical="center"/>
    </xf>
    <xf numFmtId="0" fontId="8" fillId="0" borderId="1" xfId="1" applyNumberFormat="1" applyFont="1" applyFill="1" applyBorder="1" applyAlignment="1">
      <alignment horizontal="center" vertical="center"/>
    </xf>
    <xf numFmtId="38" fontId="9" fillId="0" borderId="0" xfId="1" applyFont="1" applyAlignment="1"/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0" fontId="4" fillId="0" borderId="1" xfId="1" applyNumberFormat="1" applyFont="1" applyBorder="1" applyAlignment="1">
      <alignment horizontal="center" vertical="center" shrinkToFit="1"/>
    </xf>
    <xf numFmtId="57" fontId="4" fillId="0" borderId="1" xfId="1" applyNumberFormat="1" applyFont="1" applyBorder="1" applyAlignment="1">
      <alignment horizontal="center" vertical="center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5"/>
  <sheetViews>
    <sheetView tabSelected="1" topLeftCell="A15" zoomScale="85" zoomScaleNormal="85" workbookViewId="0">
      <selection activeCell="I19" sqref="I19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9" t="s">
        <v>9</v>
      </c>
      <c r="C1" s="39"/>
      <c r="D1" s="39"/>
      <c r="E1" s="39"/>
      <c r="F1" s="39"/>
      <c r="G1" s="39"/>
      <c r="H1" s="39"/>
      <c r="I1" s="39"/>
      <c r="J1" s="39"/>
      <c r="K1" s="39"/>
      <c r="L1" s="41"/>
      <c r="M1" s="42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40" t="s">
        <v>8</v>
      </c>
      <c r="C3" s="40"/>
      <c r="D3" s="40"/>
      <c r="E3" s="40"/>
      <c r="F3" s="40"/>
      <c r="G3" s="40"/>
      <c r="H3" s="40"/>
      <c r="I3" s="40"/>
      <c r="J3" s="40"/>
      <c r="K3" s="40"/>
      <c r="L3" s="40"/>
      <c r="M3" s="40"/>
    </row>
    <row r="4" spans="1:13" ht="17.25" x14ac:dyDescent="0.2">
      <c r="A4" s="11"/>
      <c r="B4" s="44"/>
      <c r="C4" s="44"/>
      <c r="D4" s="44"/>
      <c r="E4" s="10"/>
      <c r="F4" s="10"/>
      <c r="G4" s="10"/>
      <c r="H4" s="10"/>
      <c r="I4" s="10"/>
      <c r="J4" s="10"/>
      <c r="K4" s="43"/>
      <c r="L4" s="43"/>
      <c r="M4" s="17" t="s">
        <v>88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1</v>
      </c>
      <c r="E5" s="19" t="s">
        <v>1</v>
      </c>
      <c r="F5" s="19" t="s">
        <v>2</v>
      </c>
      <c r="G5" s="19" t="s">
        <v>12</v>
      </c>
      <c r="H5" s="19" t="s">
        <v>4</v>
      </c>
      <c r="I5" s="19" t="s">
        <v>5</v>
      </c>
      <c r="J5" s="19" t="s">
        <v>10</v>
      </c>
      <c r="K5" s="19" t="s">
        <v>23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2" t="s">
        <v>61</v>
      </c>
      <c r="C6" s="22" t="s">
        <v>62</v>
      </c>
      <c r="D6" s="22" t="s">
        <v>16</v>
      </c>
      <c r="E6" s="23" t="s">
        <v>13</v>
      </c>
      <c r="F6" s="24" t="s">
        <v>54</v>
      </c>
      <c r="G6" s="25">
        <v>45933</v>
      </c>
      <c r="H6" s="26">
        <v>46052</v>
      </c>
      <c r="I6" s="33">
        <v>5</v>
      </c>
      <c r="J6" s="31" t="s">
        <v>89</v>
      </c>
      <c r="K6" s="28" t="s">
        <v>82</v>
      </c>
      <c r="L6" s="35" t="s">
        <v>64</v>
      </c>
      <c r="M6" s="35" t="s">
        <v>65</v>
      </c>
    </row>
    <row r="7" spans="1:13" ht="77.25" customHeight="1" x14ac:dyDescent="0.15">
      <c r="A7" s="7">
        <v>2</v>
      </c>
      <c r="B7" s="22" t="s">
        <v>61</v>
      </c>
      <c r="C7" s="22" t="s">
        <v>78</v>
      </c>
      <c r="D7" s="22" t="s">
        <v>16</v>
      </c>
      <c r="E7" s="23" t="s">
        <v>13</v>
      </c>
      <c r="F7" s="24" t="s">
        <v>54</v>
      </c>
      <c r="G7" s="25">
        <v>46008</v>
      </c>
      <c r="H7" s="26">
        <v>46097</v>
      </c>
      <c r="I7" s="33">
        <v>15</v>
      </c>
      <c r="J7" s="31" t="s">
        <v>90</v>
      </c>
      <c r="K7" s="28" t="s">
        <v>83</v>
      </c>
      <c r="L7" s="35" t="s">
        <v>64</v>
      </c>
      <c r="M7" s="35" t="s">
        <v>65</v>
      </c>
    </row>
    <row r="8" spans="1:13" ht="90.75" customHeight="1" x14ac:dyDescent="0.15">
      <c r="A8" s="7">
        <v>3</v>
      </c>
      <c r="B8" s="29" t="s">
        <v>49</v>
      </c>
      <c r="C8" s="29" t="s">
        <v>56</v>
      </c>
      <c r="D8" s="22" t="s">
        <v>57</v>
      </c>
      <c r="E8" s="23" t="s">
        <v>13</v>
      </c>
      <c r="F8" s="24" t="s">
        <v>14</v>
      </c>
      <c r="G8" s="25">
        <v>45931</v>
      </c>
      <c r="H8" s="26">
        <v>45973</v>
      </c>
      <c r="I8" s="33">
        <v>10</v>
      </c>
      <c r="J8" s="31" t="s">
        <v>15</v>
      </c>
      <c r="K8" s="28">
        <v>33000</v>
      </c>
      <c r="L8" s="35" t="s">
        <v>51</v>
      </c>
      <c r="M8" s="36" t="s">
        <v>52</v>
      </c>
    </row>
    <row r="9" spans="1:13" ht="84.75" customHeight="1" x14ac:dyDescent="0.15">
      <c r="A9" s="7">
        <v>4</v>
      </c>
      <c r="B9" s="29" t="s">
        <v>49</v>
      </c>
      <c r="C9" s="29" t="s">
        <v>58</v>
      </c>
      <c r="D9" s="22" t="s">
        <v>59</v>
      </c>
      <c r="E9" s="23" t="s">
        <v>13</v>
      </c>
      <c r="F9" s="24" t="s">
        <v>14</v>
      </c>
      <c r="G9" s="25">
        <v>45931</v>
      </c>
      <c r="H9" s="26">
        <v>45973</v>
      </c>
      <c r="I9" s="33">
        <v>10</v>
      </c>
      <c r="J9" s="31" t="s">
        <v>15</v>
      </c>
      <c r="K9" s="28">
        <v>33000</v>
      </c>
      <c r="L9" s="35" t="s">
        <v>51</v>
      </c>
      <c r="M9" s="36" t="s">
        <v>52</v>
      </c>
    </row>
    <row r="10" spans="1:13" ht="87.75" customHeight="1" x14ac:dyDescent="0.15">
      <c r="A10" s="7">
        <v>5</v>
      </c>
      <c r="B10" s="29" t="s">
        <v>70</v>
      </c>
      <c r="C10" s="29" t="s">
        <v>71</v>
      </c>
      <c r="D10" s="22" t="s">
        <v>18</v>
      </c>
      <c r="E10" s="23" t="s">
        <v>13</v>
      </c>
      <c r="F10" s="24" t="s">
        <v>14</v>
      </c>
      <c r="G10" s="25">
        <v>45933</v>
      </c>
      <c r="H10" s="26">
        <v>46073</v>
      </c>
      <c r="I10" s="33">
        <v>30</v>
      </c>
      <c r="J10" s="27" t="s">
        <v>15</v>
      </c>
      <c r="K10" s="30">
        <v>50000</v>
      </c>
      <c r="L10" s="35" t="s">
        <v>72</v>
      </c>
      <c r="M10" s="36" t="s">
        <v>73</v>
      </c>
    </row>
    <row r="11" spans="1:13" ht="92.25" customHeight="1" x14ac:dyDescent="0.15">
      <c r="A11" s="7">
        <v>6</v>
      </c>
      <c r="B11" s="29" t="s">
        <v>66</v>
      </c>
      <c r="C11" s="22" t="s">
        <v>60</v>
      </c>
      <c r="D11" s="22" t="s">
        <v>33</v>
      </c>
      <c r="E11" s="23" t="s">
        <v>13</v>
      </c>
      <c r="F11" s="24" t="s">
        <v>14</v>
      </c>
      <c r="G11" s="25">
        <v>45937</v>
      </c>
      <c r="H11" s="26">
        <v>45987</v>
      </c>
      <c r="I11" s="33">
        <v>20</v>
      </c>
      <c r="J11" s="27" t="s">
        <v>15</v>
      </c>
      <c r="K11" s="30">
        <v>72600</v>
      </c>
      <c r="L11" s="35" t="s">
        <v>84</v>
      </c>
      <c r="M11" s="36" t="s">
        <v>85</v>
      </c>
    </row>
    <row r="12" spans="1:13" ht="107.25" customHeight="1" x14ac:dyDescent="0.15">
      <c r="A12" s="7">
        <v>7</v>
      </c>
      <c r="B12" s="29" t="s">
        <v>17</v>
      </c>
      <c r="C12" s="22" t="s">
        <v>25</v>
      </c>
      <c r="D12" s="22" t="s">
        <v>24</v>
      </c>
      <c r="E12" s="23" t="s">
        <v>13</v>
      </c>
      <c r="F12" s="24" t="s">
        <v>14</v>
      </c>
      <c r="G12" s="25">
        <v>45940</v>
      </c>
      <c r="H12" s="26">
        <v>46052</v>
      </c>
      <c r="I12" s="33">
        <v>15</v>
      </c>
      <c r="J12" s="27" t="s">
        <v>15</v>
      </c>
      <c r="K12" s="30">
        <v>88000</v>
      </c>
      <c r="L12" s="35" t="s">
        <v>37</v>
      </c>
      <c r="M12" s="36" t="s">
        <v>38</v>
      </c>
    </row>
    <row r="13" spans="1:13" ht="102.75" customHeight="1" x14ac:dyDescent="0.15">
      <c r="A13" s="7">
        <v>8</v>
      </c>
      <c r="B13" s="22" t="s">
        <v>17</v>
      </c>
      <c r="C13" s="29" t="s">
        <v>36</v>
      </c>
      <c r="D13" s="22" t="s">
        <v>16</v>
      </c>
      <c r="E13" s="23" t="s">
        <v>13</v>
      </c>
      <c r="F13" s="24" t="s">
        <v>14</v>
      </c>
      <c r="G13" s="25">
        <v>45952</v>
      </c>
      <c r="H13" s="26">
        <v>46010</v>
      </c>
      <c r="I13" s="33">
        <v>10</v>
      </c>
      <c r="J13" s="27" t="s">
        <v>15</v>
      </c>
      <c r="K13" s="30">
        <v>88000</v>
      </c>
      <c r="L13" s="35" t="s">
        <v>39</v>
      </c>
      <c r="M13" s="36" t="s">
        <v>40</v>
      </c>
    </row>
    <row r="14" spans="1:13" ht="89.25" customHeight="1" x14ac:dyDescent="0.15">
      <c r="A14" s="7">
        <v>9</v>
      </c>
      <c r="B14" s="29" t="s">
        <v>17</v>
      </c>
      <c r="C14" s="22" t="s">
        <v>21</v>
      </c>
      <c r="D14" s="22" t="s">
        <v>18</v>
      </c>
      <c r="E14" s="23" t="s">
        <v>13</v>
      </c>
      <c r="F14" s="24" t="s">
        <v>14</v>
      </c>
      <c r="G14" s="25">
        <v>45955</v>
      </c>
      <c r="H14" s="26">
        <v>46067</v>
      </c>
      <c r="I14" s="33">
        <v>20</v>
      </c>
      <c r="J14" s="27" t="s">
        <v>15</v>
      </c>
      <c r="K14" s="30">
        <v>88000</v>
      </c>
      <c r="L14" s="35" t="s">
        <v>37</v>
      </c>
      <c r="M14" s="36" t="s">
        <v>38</v>
      </c>
    </row>
    <row r="15" spans="1:13" ht="99.75" customHeight="1" x14ac:dyDescent="0.15">
      <c r="A15" s="7">
        <v>10</v>
      </c>
      <c r="B15" s="22" t="s">
        <v>17</v>
      </c>
      <c r="C15" s="22" t="s">
        <v>21</v>
      </c>
      <c r="D15" s="22" t="s">
        <v>18</v>
      </c>
      <c r="E15" s="23" t="s">
        <v>13</v>
      </c>
      <c r="F15" s="24" t="s">
        <v>14</v>
      </c>
      <c r="G15" s="25">
        <v>45958</v>
      </c>
      <c r="H15" s="26">
        <v>46077</v>
      </c>
      <c r="I15" s="33">
        <v>20</v>
      </c>
      <c r="J15" s="27" t="s">
        <v>15</v>
      </c>
      <c r="K15" s="30">
        <v>88000</v>
      </c>
      <c r="L15" s="35" t="s">
        <v>37</v>
      </c>
      <c r="M15" s="36" t="s">
        <v>38</v>
      </c>
    </row>
    <row r="16" spans="1:13" ht="94.5" customHeight="1" x14ac:dyDescent="0.15">
      <c r="A16" s="7">
        <v>11</v>
      </c>
      <c r="B16" s="29" t="s">
        <v>17</v>
      </c>
      <c r="C16" s="22" t="s">
        <v>20</v>
      </c>
      <c r="D16" s="22" t="s">
        <v>19</v>
      </c>
      <c r="E16" s="23" t="s">
        <v>13</v>
      </c>
      <c r="F16" s="24" t="s">
        <v>14</v>
      </c>
      <c r="G16" s="25">
        <v>45959</v>
      </c>
      <c r="H16" s="26">
        <v>46071</v>
      </c>
      <c r="I16" s="33">
        <v>15</v>
      </c>
      <c r="J16" s="27" t="s">
        <v>15</v>
      </c>
      <c r="K16" s="30">
        <v>88000</v>
      </c>
      <c r="L16" s="35" t="s">
        <v>39</v>
      </c>
      <c r="M16" s="36" t="s">
        <v>40</v>
      </c>
    </row>
    <row r="17" spans="1:13" ht="95.25" customHeight="1" x14ac:dyDescent="0.15">
      <c r="A17" s="7">
        <v>12</v>
      </c>
      <c r="B17" s="29" t="s">
        <v>26</v>
      </c>
      <c r="C17" s="29" t="s">
        <v>27</v>
      </c>
      <c r="D17" s="22" t="s">
        <v>28</v>
      </c>
      <c r="E17" s="23" t="s">
        <v>13</v>
      </c>
      <c r="F17" s="24" t="s">
        <v>14</v>
      </c>
      <c r="G17" s="25">
        <v>45960</v>
      </c>
      <c r="H17" s="26">
        <v>46002</v>
      </c>
      <c r="I17" s="33">
        <v>20</v>
      </c>
      <c r="J17" s="31" t="s">
        <v>15</v>
      </c>
      <c r="K17" s="30">
        <v>21450</v>
      </c>
      <c r="L17" s="35" t="s">
        <v>41</v>
      </c>
      <c r="M17" s="36" t="s">
        <v>42</v>
      </c>
    </row>
    <row r="18" spans="1:13" ht="97.5" customHeight="1" x14ac:dyDescent="0.15">
      <c r="A18" s="7">
        <v>13</v>
      </c>
      <c r="B18" s="29" t="s">
        <v>44</v>
      </c>
      <c r="C18" s="22" t="s">
        <v>22</v>
      </c>
      <c r="D18" s="22" t="s">
        <v>18</v>
      </c>
      <c r="E18" s="23" t="s">
        <v>13</v>
      </c>
      <c r="F18" s="24" t="s">
        <v>14</v>
      </c>
      <c r="G18" s="25">
        <v>45967</v>
      </c>
      <c r="H18" s="26">
        <v>46072</v>
      </c>
      <c r="I18" s="33">
        <v>20</v>
      </c>
      <c r="J18" s="27" t="s">
        <v>15</v>
      </c>
      <c r="K18" s="30">
        <v>59400</v>
      </c>
      <c r="L18" s="35" t="s">
        <v>63</v>
      </c>
      <c r="M18" s="35" t="s">
        <v>43</v>
      </c>
    </row>
    <row r="19" spans="1:13" ht="88.5" customHeight="1" x14ac:dyDescent="0.15">
      <c r="A19" s="34">
        <v>14</v>
      </c>
      <c r="B19" s="22" t="s">
        <v>29</v>
      </c>
      <c r="C19" s="29" t="s">
        <v>30</v>
      </c>
      <c r="D19" s="22" t="s">
        <v>31</v>
      </c>
      <c r="E19" s="23" t="s">
        <v>13</v>
      </c>
      <c r="F19" s="24" t="s">
        <v>14</v>
      </c>
      <c r="G19" s="25">
        <v>45973</v>
      </c>
      <c r="H19" s="26">
        <v>46080</v>
      </c>
      <c r="I19" s="33">
        <v>16</v>
      </c>
      <c r="J19" s="27" t="s">
        <v>15</v>
      </c>
      <c r="K19" s="30">
        <v>39800</v>
      </c>
      <c r="L19" s="35" t="s">
        <v>45</v>
      </c>
      <c r="M19" s="36" t="s">
        <v>46</v>
      </c>
    </row>
    <row r="20" spans="1:13" ht="81.75" customHeight="1" x14ac:dyDescent="0.15">
      <c r="A20" s="7">
        <v>15</v>
      </c>
      <c r="B20" s="29" t="s">
        <v>29</v>
      </c>
      <c r="C20" s="29" t="s">
        <v>32</v>
      </c>
      <c r="D20" s="22" t="s">
        <v>16</v>
      </c>
      <c r="E20" s="23" t="s">
        <v>13</v>
      </c>
      <c r="F20" s="24" t="s">
        <v>14</v>
      </c>
      <c r="G20" s="25">
        <v>45973</v>
      </c>
      <c r="H20" s="26">
        <v>46085</v>
      </c>
      <c r="I20" s="33">
        <v>20</v>
      </c>
      <c r="J20" s="27" t="s">
        <v>15</v>
      </c>
      <c r="K20" s="30">
        <v>34800</v>
      </c>
      <c r="L20" s="32" t="s">
        <v>47</v>
      </c>
      <c r="M20" s="31" t="s">
        <v>48</v>
      </c>
    </row>
    <row r="21" spans="1:13" ht="80.25" customHeight="1" x14ac:dyDescent="0.15">
      <c r="A21" s="7">
        <v>16</v>
      </c>
      <c r="B21" s="29" t="s">
        <v>17</v>
      </c>
      <c r="C21" s="22" t="s">
        <v>25</v>
      </c>
      <c r="D21" s="22" t="s">
        <v>24</v>
      </c>
      <c r="E21" s="23" t="s">
        <v>13</v>
      </c>
      <c r="F21" s="24" t="s">
        <v>14</v>
      </c>
      <c r="G21" s="25">
        <v>45974</v>
      </c>
      <c r="H21" s="26">
        <v>46086</v>
      </c>
      <c r="I21" s="33">
        <v>15</v>
      </c>
      <c r="J21" s="27" t="s">
        <v>15</v>
      </c>
      <c r="K21" s="30">
        <v>88000</v>
      </c>
      <c r="L21" s="35" t="s">
        <v>37</v>
      </c>
      <c r="M21" s="36" t="s">
        <v>38</v>
      </c>
    </row>
    <row r="22" spans="1:13" ht="90" customHeight="1" x14ac:dyDescent="0.15">
      <c r="A22" s="7">
        <v>17</v>
      </c>
      <c r="B22" s="29" t="s">
        <v>50</v>
      </c>
      <c r="C22" s="22" t="s">
        <v>79</v>
      </c>
      <c r="D22" s="22" t="s">
        <v>18</v>
      </c>
      <c r="E22" s="23" t="s">
        <v>13</v>
      </c>
      <c r="F22" s="24" t="s">
        <v>14</v>
      </c>
      <c r="G22" s="25">
        <v>45977</v>
      </c>
      <c r="H22" s="26">
        <v>46089</v>
      </c>
      <c r="I22" s="33">
        <v>10</v>
      </c>
      <c r="J22" s="27" t="s">
        <v>15</v>
      </c>
      <c r="K22" s="30">
        <v>74800</v>
      </c>
      <c r="L22" s="35" t="s">
        <v>86</v>
      </c>
      <c r="M22" s="36" t="s">
        <v>87</v>
      </c>
    </row>
    <row r="23" spans="1:13" ht="93.75" customHeight="1" x14ac:dyDescent="0.15">
      <c r="A23" s="7">
        <v>18</v>
      </c>
      <c r="B23" s="22" t="s">
        <v>49</v>
      </c>
      <c r="C23" s="22" t="s">
        <v>76</v>
      </c>
      <c r="D23" s="22" t="s">
        <v>77</v>
      </c>
      <c r="E23" s="23" t="s">
        <v>13</v>
      </c>
      <c r="F23" s="24" t="s">
        <v>14</v>
      </c>
      <c r="G23" s="25">
        <v>45981</v>
      </c>
      <c r="H23" s="26">
        <v>46017</v>
      </c>
      <c r="I23" s="33">
        <v>10</v>
      </c>
      <c r="J23" s="27" t="s">
        <v>15</v>
      </c>
      <c r="K23" s="30">
        <v>33000</v>
      </c>
      <c r="L23" s="35" t="s">
        <v>51</v>
      </c>
      <c r="M23" s="36" t="s">
        <v>52</v>
      </c>
    </row>
    <row r="24" spans="1:13" ht="93" customHeight="1" x14ac:dyDescent="0.15">
      <c r="A24" s="7">
        <v>19</v>
      </c>
      <c r="B24" s="29" t="s">
        <v>50</v>
      </c>
      <c r="C24" s="29" t="s">
        <v>80</v>
      </c>
      <c r="D24" s="22" t="s">
        <v>81</v>
      </c>
      <c r="E24" s="23" t="s">
        <v>13</v>
      </c>
      <c r="F24" s="24" t="s">
        <v>14</v>
      </c>
      <c r="G24" s="25">
        <v>45981</v>
      </c>
      <c r="H24" s="26">
        <v>46085</v>
      </c>
      <c r="I24" s="33">
        <v>20</v>
      </c>
      <c r="J24" s="27" t="s">
        <v>15</v>
      </c>
      <c r="K24" s="30">
        <v>74800</v>
      </c>
      <c r="L24" s="35" t="s">
        <v>86</v>
      </c>
      <c r="M24" s="36" t="s">
        <v>87</v>
      </c>
    </row>
    <row r="25" spans="1:13" ht="88.5" customHeight="1" x14ac:dyDescent="0.15">
      <c r="A25" s="7">
        <v>20</v>
      </c>
      <c r="B25" s="22" t="s">
        <v>17</v>
      </c>
      <c r="C25" s="22" t="s">
        <v>34</v>
      </c>
      <c r="D25" s="22" t="s">
        <v>35</v>
      </c>
      <c r="E25" s="23" t="s">
        <v>13</v>
      </c>
      <c r="F25" s="24" t="s">
        <v>14</v>
      </c>
      <c r="G25" s="25">
        <v>45982</v>
      </c>
      <c r="H25" s="26">
        <v>46094</v>
      </c>
      <c r="I25" s="33">
        <v>20</v>
      </c>
      <c r="J25" s="31" t="s">
        <v>15</v>
      </c>
      <c r="K25" s="28">
        <v>88000</v>
      </c>
      <c r="L25" s="35" t="s">
        <v>37</v>
      </c>
      <c r="M25" s="36" t="s">
        <v>38</v>
      </c>
    </row>
    <row r="26" spans="1:13" ht="79.5" customHeight="1" x14ac:dyDescent="0.15">
      <c r="A26" s="7">
        <v>21</v>
      </c>
      <c r="B26" s="22" t="s">
        <v>67</v>
      </c>
      <c r="C26" s="22" t="s">
        <v>68</v>
      </c>
      <c r="D26" s="22" t="s">
        <v>16</v>
      </c>
      <c r="E26" s="23" t="s">
        <v>13</v>
      </c>
      <c r="F26" s="24" t="s">
        <v>14</v>
      </c>
      <c r="G26" s="25">
        <v>45983</v>
      </c>
      <c r="H26" s="26">
        <v>46088</v>
      </c>
      <c r="I26" s="33">
        <v>25</v>
      </c>
      <c r="J26" s="27" t="s">
        <v>15</v>
      </c>
      <c r="K26" s="28" t="s">
        <v>69</v>
      </c>
      <c r="L26" s="35" t="s">
        <v>74</v>
      </c>
      <c r="M26" s="36" t="s">
        <v>75</v>
      </c>
    </row>
    <row r="27" spans="1:13" ht="86.25" customHeight="1" x14ac:dyDescent="0.15">
      <c r="A27" s="7">
        <v>22</v>
      </c>
      <c r="B27" s="29" t="s">
        <v>50</v>
      </c>
      <c r="C27" s="22" t="s">
        <v>55</v>
      </c>
      <c r="D27" s="22" t="s">
        <v>18</v>
      </c>
      <c r="E27" s="23" t="s">
        <v>13</v>
      </c>
      <c r="F27" s="24" t="s">
        <v>14</v>
      </c>
      <c r="G27" s="25">
        <v>45983</v>
      </c>
      <c r="H27" s="26">
        <v>46095</v>
      </c>
      <c r="I27" s="33">
        <v>20</v>
      </c>
      <c r="J27" s="27" t="s">
        <v>15</v>
      </c>
      <c r="K27" s="30">
        <v>74800</v>
      </c>
      <c r="L27" s="35" t="s">
        <v>86</v>
      </c>
      <c r="M27" s="36" t="s">
        <v>87</v>
      </c>
    </row>
    <row r="28" spans="1:13" ht="85.5" customHeight="1" x14ac:dyDescent="0.15">
      <c r="A28" s="7">
        <v>23</v>
      </c>
      <c r="B28" s="22" t="s">
        <v>17</v>
      </c>
      <c r="C28" s="22" t="s">
        <v>21</v>
      </c>
      <c r="D28" s="22" t="s">
        <v>18</v>
      </c>
      <c r="E28" s="23" t="s">
        <v>13</v>
      </c>
      <c r="F28" s="24" t="s">
        <v>14</v>
      </c>
      <c r="G28" s="25">
        <v>45987</v>
      </c>
      <c r="H28" s="26">
        <v>46106</v>
      </c>
      <c r="I28" s="33">
        <v>20</v>
      </c>
      <c r="J28" s="27" t="s">
        <v>15</v>
      </c>
      <c r="K28" s="30">
        <v>88000</v>
      </c>
      <c r="L28" s="35" t="s">
        <v>37</v>
      </c>
      <c r="M28" s="36" t="s">
        <v>38</v>
      </c>
    </row>
    <row r="29" spans="1:13" ht="79.5" customHeight="1" x14ac:dyDescent="0.15">
      <c r="A29" s="7">
        <v>24</v>
      </c>
      <c r="B29" s="22" t="s">
        <v>17</v>
      </c>
      <c r="C29" s="22" t="s">
        <v>53</v>
      </c>
      <c r="D29" s="22" t="s">
        <v>16</v>
      </c>
      <c r="E29" s="23" t="s">
        <v>13</v>
      </c>
      <c r="F29" s="24" t="s">
        <v>14</v>
      </c>
      <c r="G29" s="25">
        <v>45990</v>
      </c>
      <c r="H29" s="26">
        <v>46109</v>
      </c>
      <c r="I29" s="33">
        <v>15</v>
      </c>
      <c r="J29" s="27" t="s">
        <v>15</v>
      </c>
      <c r="K29" s="30">
        <v>88000</v>
      </c>
      <c r="L29" s="35" t="s">
        <v>39</v>
      </c>
      <c r="M29" s="36" t="s">
        <v>40</v>
      </c>
    </row>
    <row r="30" spans="1:13" ht="90" customHeight="1" x14ac:dyDescent="0.15">
      <c r="A30" s="7">
        <v>25</v>
      </c>
      <c r="B30" s="29" t="s">
        <v>26</v>
      </c>
      <c r="C30" s="29" t="s">
        <v>27</v>
      </c>
      <c r="D30" s="22" t="s">
        <v>28</v>
      </c>
      <c r="E30" s="23" t="s">
        <v>13</v>
      </c>
      <c r="F30" s="24" t="s">
        <v>14</v>
      </c>
      <c r="G30" s="25">
        <v>45990</v>
      </c>
      <c r="H30" s="26">
        <v>46095</v>
      </c>
      <c r="I30" s="33">
        <v>20</v>
      </c>
      <c r="J30" s="27" t="s">
        <v>15</v>
      </c>
      <c r="K30" s="30">
        <v>21450</v>
      </c>
      <c r="L30" s="35" t="s">
        <v>41</v>
      </c>
      <c r="M30" s="36" t="s">
        <v>42</v>
      </c>
    </row>
    <row r="31" spans="1:13" ht="89.25" customHeight="1" x14ac:dyDescent="0.15">
      <c r="A31" s="7">
        <v>26</v>
      </c>
      <c r="B31" s="22" t="s">
        <v>17</v>
      </c>
      <c r="C31" s="22" t="s">
        <v>34</v>
      </c>
      <c r="D31" s="22" t="s">
        <v>35</v>
      </c>
      <c r="E31" s="23" t="s">
        <v>13</v>
      </c>
      <c r="F31" s="24" t="s">
        <v>14</v>
      </c>
      <c r="G31" s="25">
        <v>45999</v>
      </c>
      <c r="H31" s="26">
        <v>46125</v>
      </c>
      <c r="I31" s="33">
        <v>20</v>
      </c>
      <c r="J31" s="27" t="s">
        <v>15</v>
      </c>
      <c r="K31" s="30">
        <v>88000</v>
      </c>
      <c r="L31" s="35" t="s">
        <v>37</v>
      </c>
      <c r="M31" s="36" t="s">
        <v>38</v>
      </c>
    </row>
    <row r="32" spans="1:13" ht="95.25" customHeight="1" x14ac:dyDescent="0.15">
      <c r="A32" s="7">
        <v>27</v>
      </c>
      <c r="B32" s="22" t="s">
        <v>17</v>
      </c>
      <c r="C32" s="22" t="s">
        <v>25</v>
      </c>
      <c r="D32" s="22" t="s">
        <v>24</v>
      </c>
      <c r="E32" s="23" t="s">
        <v>13</v>
      </c>
      <c r="F32" s="24" t="s">
        <v>14</v>
      </c>
      <c r="G32" s="25">
        <v>46005</v>
      </c>
      <c r="H32" s="26">
        <v>46117</v>
      </c>
      <c r="I32" s="33">
        <v>15</v>
      </c>
      <c r="J32" s="27" t="s">
        <v>15</v>
      </c>
      <c r="K32" s="30">
        <v>88000</v>
      </c>
      <c r="L32" s="35" t="s">
        <v>37</v>
      </c>
      <c r="M32" s="36" t="s">
        <v>38</v>
      </c>
    </row>
    <row r="33" spans="1:13" ht="96.75" customHeight="1" x14ac:dyDescent="0.15">
      <c r="A33" s="7">
        <v>28</v>
      </c>
      <c r="B33" s="29" t="s">
        <v>17</v>
      </c>
      <c r="C33" s="29" t="s">
        <v>36</v>
      </c>
      <c r="D33" s="22" t="s">
        <v>16</v>
      </c>
      <c r="E33" s="23" t="s">
        <v>13</v>
      </c>
      <c r="F33" s="24" t="s">
        <v>14</v>
      </c>
      <c r="G33" s="25">
        <v>46007</v>
      </c>
      <c r="H33" s="26">
        <v>46066</v>
      </c>
      <c r="I33" s="33">
        <v>10</v>
      </c>
      <c r="J33" s="31" t="s">
        <v>15</v>
      </c>
      <c r="K33" s="30">
        <v>88000</v>
      </c>
      <c r="L33" s="35" t="s">
        <v>39</v>
      </c>
      <c r="M33" s="36" t="s">
        <v>40</v>
      </c>
    </row>
    <row r="34" spans="1:13" ht="86.25" customHeight="1" x14ac:dyDescent="0.15">
      <c r="A34" s="7">
        <v>29</v>
      </c>
      <c r="B34" s="37" t="s">
        <v>26</v>
      </c>
      <c r="C34" s="27" t="s">
        <v>27</v>
      </c>
      <c r="D34" s="32" t="s">
        <v>28</v>
      </c>
      <c r="E34" s="32" t="s">
        <v>13</v>
      </c>
      <c r="F34" s="32" t="s">
        <v>14</v>
      </c>
      <c r="G34" s="38">
        <v>46014</v>
      </c>
      <c r="H34" s="38">
        <v>46065</v>
      </c>
      <c r="I34" s="32">
        <v>20</v>
      </c>
      <c r="J34" s="32" t="s">
        <v>15</v>
      </c>
      <c r="K34" s="32">
        <v>21450</v>
      </c>
      <c r="L34" s="35" t="s">
        <v>41</v>
      </c>
      <c r="M34" s="36" t="s">
        <v>42</v>
      </c>
    </row>
    <row r="35" spans="1:13" ht="90.75" customHeight="1" x14ac:dyDescent="0.15">
      <c r="A35" s="7">
        <v>30</v>
      </c>
      <c r="B35" s="22" t="s">
        <v>17</v>
      </c>
      <c r="C35" s="22" t="s">
        <v>21</v>
      </c>
      <c r="D35" s="22" t="s">
        <v>18</v>
      </c>
      <c r="E35" s="23" t="s">
        <v>13</v>
      </c>
      <c r="F35" s="24" t="s">
        <v>14</v>
      </c>
      <c r="G35" s="25">
        <v>46017</v>
      </c>
      <c r="H35" s="26">
        <v>46136</v>
      </c>
      <c r="I35" s="33">
        <v>20</v>
      </c>
      <c r="J35" s="27" t="s">
        <v>15</v>
      </c>
      <c r="K35" s="30">
        <v>88000</v>
      </c>
      <c r="L35" s="35" t="s">
        <v>37</v>
      </c>
      <c r="M35" s="36" t="s">
        <v>38</v>
      </c>
    </row>
  </sheetData>
  <autoFilter ref="A5:M35" xr:uid="{00000000-0009-0000-0000-000000000000}">
    <sortState xmlns:xlrd2="http://schemas.microsoft.com/office/spreadsheetml/2017/richdata2" ref="A6:M35">
      <sortCondition ref="F5:F35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5-08-18T04:53:50Z</cp:lastPrinted>
  <dcterms:created xsi:type="dcterms:W3CDTF">2004-11-27T09:46:46Z</dcterms:created>
  <dcterms:modified xsi:type="dcterms:W3CDTF">2025-09-10T01:09:27Z</dcterms:modified>
</cp:coreProperties>
</file>